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15078" w:type="dxa"/>
        <w:tblInd w:w="-2033" w:type="dxa"/>
        <w:tblLook w:val="04A0" w:firstRow="1" w:lastRow="0" w:firstColumn="1" w:lastColumn="0" w:noHBand="0" w:noVBand="1"/>
      </w:tblPr>
      <w:tblGrid>
        <w:gridCol w:w="858"/>
        <w:gridCol w:w="2880"/>
        <w:gridCol w:w="1620"/>
        <w:gridCol w:w="1980"/>
        <w:gridCol w:w="2340"/>
        <w:gridCol w:w="2250"/>
        <w:gridCol w:w="3150"/>
      </w:tblGrid>
      <w:tr w:rsidR="00860A07" w:rsidTr="00990094">
        <w:trPr>
          <w:trHeight w:val="327"/>
        </w:trPr>
        <w:tc>
          <w:tcPr>
            <w:tcW w:w="858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Tid</w:t>
            </w:r>
          </w:p>
        </w:tc>
        <w:tc>
          <w:tcPr>
            <w:tcW w:w="2880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Handling</w:t>
            </w:r>
          </w:p>
        </w:tc>
        <w:tc>
          <w:tcPr>
            <w:tcW w:w="1620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Hvor</w:t>
            </w:r>
          </w:p>
        </w:tc>
        <w:tc>
          <w:tcPr>
            <w:tcW w:w="1980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Ansvarlig</w:t>
            </w:r>
          </w:p>
        </w:tc>
        <w:tc>
          <w:tcPr>
            <w:tcW w:w="2340" w:type="dxa"/>
            <w:shd w:val="clear" w:color="auto" w:fill="990000" w:themeFill="text2"/>
          </w:tcPr>
          <w:p w:rsidR="00860A07" w:rsidRPr="00860A07" w:rsidRDefault="00860A07" w:rsidP="00860A07">
            <w:pPr>
              <w:rPr>
                <w:b/>
                <w:sz w:val="24"/>
                <w:szCs w:val="24"/>
              </w:rPr>
            </w:pPr>
            <w:r w:rsidRPr="00860A07">
              <w:rPr>
                <w:b/>
                <w:sz w:val="24"/>
                <w:szCs w:val="24"/>
              </w:rPr>
              <w:t>Forventet reaktion</w:t>
            </w:r>
          </w:p>
        </w:tc>
        <w:tc>
          <w:tcPr>
            <w:tcW w:w="2250" w:type="dxa"/>
            <w:shd w:val="clear" w:color="auto" w:fill="179B61" w:themeFill="accent3" w:themeFillShade="BF"/>
          </w:tcPr>
          <w:p w:rsidR="00860A07" w:rsidRPr="00990094" w:rsidRDefault="00860A07" w:rsidP="00860A07">
            <w:pPr>
              <w:rPr>
                <w:b/>
                <w:color w:val="FFFFFF" w:themeColor="background1"/>
                <w:sz w:val="24"/>
                <w:szCs w:val="24"/>
              </w:rPr>
            </w:pPr>
            <w:r w:rsidRPr="00990094">
              <w:rPr>
                <w:b/>
                <w:color w:val="FFFFFF" w:themeColor="background1"/>
                <w:sz w:val="24"/>
                <w:szCs w:val="24"/>
              </w:rPr>
              <w:t>Faktisk reaktion</w:t>
            </w:r>
          </w:p>
        </w:tc>
        <w:tc>
          <w:tcPr>
            <w:tcW w:w="3150" w:type="dxa"/>
            <w:shd w:val="clear" w:color="auto" w:fill="179B61" w:themeFill="accent3" w:themeFillShade="BF"/>
          </w:tcPr>
          <w:p w:rsidR="00860A07" w:rsidRPr="00990094" w:rsidRDefault="00860A07" w:rsidP="00860A07">
            <w:pPr>
              <w:rPr>
                <w:b/>
                <w:color w:val="FFFFFF" w:themeColor="background1"/>
                <w:sz w:val="24"/>
                <w:szCs w:val="24"/>
              </w:rPr>
            </w:pPr>
            <w:r w:rsidRPr="00990094">
              <w:rPr>
                <w:b/>
                <w:color w:val="FFFFFF" w:themeColor="background1"/>
                <w:sz w:val="24"/>
                <w:szCs w:val="24"/>
              </w:rPr>
              <w:t>Bemærkninger</w:t>
            </w:r>
          </w:p>
        </w:tc>
      </w:tr>
      <w:tr w:rsidR="00860A07" w:rsidTr="00860A07">
        <w:trPr>
          <w:trHeight w:val="313"/>
        </w:trPr>
        <w:tc>
          <w:tcPr>
            <w:tcW w:w="858" w:type="dxa"/>
          </w:tcPr>
          <w:p w:rsidR="00F83307" w:rsidRDefault="00F83307" w:rsidP="00860A07">
            <w:r>
              <w:t>13:30</w:t>
            </w:r>
          </w:p>
        </w:tc>
        <w:tc>
          <w:tcPr>
            <w:tcW w:w="2880" w:type="dxa"/>
          </w:tcPr>
          <w:p w:rsidR="00860A07" w:rsidRDefault="00C17946" w:rsidP="00F83307">
            <w:r>
              <w:t>Øvelsesgruppen mødes</w:t>
            </w:r>
          </w:p>
        </w:tc>
        <w:tc>
          <w:tcPr>
            <w:tcW w:w="1620" w:type="dxa"/>
          </w:tcPr>
          <w:p w:rsidR="00860A07" w:rsidRDefault="00F83307" w:rsidP="00860A07">
            <w:r>
              <w:t>BXXX, RXXX</w:t>
            </w:r>
          </w:p>
        </w:tc>
        <w:tc>
          <w:tcPr>
            <w:tcW w:w="1980" w:type="dxa"/>
          </w:tcPr>
          <w:p w:rsidR="00860A07" w:rsidRDefault="00CF4037" w:rsidP="00860A07">
            <w:r>
              <w:t>XXX</w:t>
            </w:r>
            <w:r w:rsidR="00F83307">
              <w:t xml:space="preserve"> indkalder og booker lokale</w:t>
            </w:r>
          </w:p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Pr="001E6F50" w:rsidRDefault="00860A07" w:rsidP="00860A07">
            <w:pPr>
              <w:rPr>
                <w:color w:val="0070C0"/>
              </w:rPr>
            </w:pPr>
          </w:p>
        </w:tc>
        <w:tc>
          <w:tcPr>
            <w:tcW w:w="3150" w:type="dxa"/>
          </w:tcPr>
          <w:p w:rsidR="00860A07" w:rsidRPr="006D1F5B" w:rsidRDefault="00F83307" w:rsidP="00860A07">
            <w:pPr>
              <w:rPr>
                <w:color w:val="179B61" w:themeColor="accent3" w:themeShade="BF"/>
              </w:rPr>
            </w:pPr>
            <w:r w:rsidRPr="006D1F5B">
              <w:rPr>
                <w:color w:val="179B61" w:themeColor="accent3" w:themeShade="BF"/>
              </w:rPr>
              <w:t>Alle til stede</w:t>
            </w:r>
          </w:p>
        </w:tc>
      </w:tr>
      <w:tr w:rsidR="00860A07" w:rsidTr="00860A07">
        <w:trPr>
          <w:trHeight w:val="313"/>
        </w:trPr>
        <w:tc>
          <w:tcPr>
            <w:tcW w:w="858" w:type="dxa"/>
          </w:tcPr>
          <w:p w:rsidR="00860A07" w:rsidRDefault="00F83307" w:rsidP="00860A07">
            <w:r>
              <w:t>13:45</w:t>
            </w:r>
          </w:p>
        </w:tc>
        <w:tc>
          <w:tcPr>
            <w:tcW w:w="2880" w:type="dxa"/>
          </w:tcPr>
          <w:p w:rsidR="00860A07" w:rsidRDefault="00F83307" w:rsidP="00860A07">
            <w:r>
              <w:t>Der indtages pladser efter planen</w:t>
            </w:r>
            <w:r w:rsidR="00524062">
              <w:t>.</w:t>
            </w:r>
          </w:p>
        </w:tc>
        <w:tc>
          <w:tcPr>
            <w:tcW w:w="1620" w:type="dxa"/>
          </w:tcPr>
          <w:p w:rsidR="00860A07" w:rsidRDefault="00FD0C22" w:rsidP="00C17946">
            <w:r>
              <w:t xml:space="preserve">Se </w:t>
            </w:r>
            <w:r w:rsidR="00C17946">
              <w:t>bilaget P</w:t>
            </w:r>
            <w:r>
              <w:t>lacering</w:t>
            </w:r>
            <w:r w:rsidR="00C17946">
              <w:t xml:space="preserve"> og rolle</w:t>
            </w:r>
            <w:r>
              <w:t>.</w:t>
            </w:r>
          </w:p>
        </w:tc>
        <w:tc>
          <w:tcPr>
            <w:tcW w:w="1980" w:type="dxa"/>
          </w:tcPr>
          <w:p w:rsidR="00860A07" w:rsidRDefault="00FD0C22" w:rsidP="00860A07">
            <w:r>
              <w:t>.</w:t>
            </w:r>
          </w:p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Pr="001E6F50" w:rsidRDefault="00860A07" w:rsidP="00860A07">
            <w:pPr>
              <w:rPr>
                <w:color w:val="0070C0"/>
              </w:rPr>
            </w:pPr>
          </w:p>
        </w:tc>
        <w:tc>
          <w:tcPr>
            <w:tcW w:w="3150" w:type="dxa"/>
          </w:tcPr>
          <w:p w:rsidR="00860A07" w:rsidRPr="006D1F5B" w:rsidRDefault="00860A07" w:rsidP="00860A07">
            <w:pPr>
              <w:rPr>
                <w:color w:val="179B61" w:themeColor="accent3" w:themeShade="BF"/>
              </w:rPr>
            </w:pPr>
          </w:p>
        </w:tc>
      </w:tr>
      <w:tr w:rsidR="00860A07" w:rsidTr="00860A07">
        <w:trPr>
          <w:trHeight w:val="313"/>
        </w:trPr>
        <w:tc>
          <w:tcPr>
            <w:tcW w:w="858" w:type="dxa"/>
          </w:tcPr>
          <w:p w:rsidR="00860A07" w:rsidRDefault="00CF4037" w:rsidP="00860A07">
            <w:r>
              <w:t>14:00</w:t>
            </w:r>
          </w:p>
        </w:tc>
        <w:tc>
          <w:tcPr>
            <w:tcW w:w="2880" w:type="dxa"/>
          </w:tcPr>
          <w:p w:rsidR="00860A07" w:rsidRDefault="00CF4037" w:rsidP="00860A07">
            <w:r>
              <w:t>Brandalarmen aktiveres</w:t>
            </w:r>
            <w:r w:rsidR="00524062">
              <w:t>.</w:t>
            </w:r>
          </w:p>
        </w:tc>
        <w:tc>
          <w:tcPr>
            <w:tcW w:w="1620" w:type="dxa"/>
          </w:tcPr>
          <w:p w:rsidR="00860A07" w:rsidRDefault="00CF4037" w:rsidP="00860A07">
            <w:r>
              <w:t>Brandcentralen</w:t>
            </w:r>
            <w:r w:rsidR="00FD0C22">
              <w:t>, stueplan ved hovedindgangen.</w:t>
            </w:r>
          </w:p>
        </w:tc>
        <w:tc>
          <w:tcPr>
            <w:tcW w:w="1980" w:type="dxa"/>
          </w:tcPr>
          <w:p w:rsidR="00860A07" w:rsidRDefault="00CF4037" w:rsidP="00860A07">
            <w:r>
              <w:t>CAS EL</w:t>
            </w:r>
          </w:p>
        </w:tc>
        <w:tc>
          <w:tcPr>
            <w:tcW w:w="2340" w:type="dxa"/>
          </w:tcPr>
          <w:p w:rsidR="00860A07" w:rsidRDefault="00CF4037" w:rsidP="00860A07">
            <w:r>
              <w:t>Tonevarsling i hele bygningen.</w:t>
            </w:r>
          </w:p>
        </w:tc>
        <w:tc>
          <w:tcPr>
            <w:tcW w:w="2250" w:type="dxa"/>
          </w:tcPr>
          <w:p w:rsidR="00FD0C22" w:rsidRPr="004A2328" w:rsidRDefault="00FD0C22" w:rsidP="00860A07">
            <w:pPr>
              <w:rPr>
                <w:color w:val="179B61" w:themeColor="accent3" w:themeShade="BF"/>
              </w:rPr>
            </w:pPr>
            <w:r w:rsidRPr="004A2328">
              <w:rPr>
                <w:color w:val="179B61" w:themeColor="accent3" w:themeShade="BF"/>
              </w:rPr>
              <w:t>Dansk og engelsk tale.</w:t>
            </w:r>
          </w:p>
          <w:p w:rsidR="00860A07" w:rsidRPr="004A2328" w:rsidRDefault="00CF4037" w:rsidP="00860A07">
            <w:pPr>
              <w:rPr>
                <w:color w:val="179B61" w:themeColor="accent3" w:themeShade="BF"/>
              </w:rPr>
            </w:pPr>
            <w:r w:rsidRPr="004A2328">
              <w:rPr>
                <w:color w:val="179B61" w:themeColor="accent3" w:themeShade="BF"/>
              </w:rPr>
              <w:t>Ingen varsling i kælderen</w:t>
            </w:r>
            <w:r w:rsidR="00FD0C22" w:rsidRPr="004A2328">
              <w:rPr>
                <w:color w:val="179B61" w:themeColor="accent3" w:themeShade="BF"/>
              </w:rPr>
              <w:t>!</w:t>
            </w:r>
          </w:p>
        </w:tc>
        <w:tc>
          <w:tcPr>
            <w:tcW w:w="3150" w:type="dxa"/>
          </w:tcPr>
          <w:p w:rsidR="00860A07" w:rsidRPr="006D1F5B" w:rsidRDefault="00860A07" w:rsidP="00860A07">
            <w:pPr>
              <w:rPr>
                <w:color w:val="179B61" w:themeColor="accent3" w:themeShade="BF"/>
              </w:rPr>
            </w:pPr>
          </w:p>
        </w:tc>
      </w:tr>
      <w:tr w:rsidR="00860A07" w:rsidTr="00860A07">
        <w:trPr>
          <w:trHeight w:val="313"/>
        </w:trPr>
        <w:tc>
          <w:tcPr>
            <w:tcW w:w="858" w:type="dxa"/>
          </w:tcPr>
          <w:p w:rsidR="00860A07" w:rsidRDefault="00CF4037" w:rsidP="00860A07">
            <w:r>
              <w:t>14:00</w:t>
            </w:r>
          </w:p>
        </w:tc>
        <w:tc>
          <w:tcPr>
            <w:tcW w:w="2880" w:type="dxa"/>
          </w:tcPr>
          <w:p w:rsidR="00860A07" w:rsidRDefault="00CF4037" w:rsidP="00860A07">
            <w:r>
              <w:t>Evakuering påbegyndes, der motiveres ved hver beredskabstavle til, at vestene kommer i anvendelse med støtte og rådgivning.</w:t>
            </w:r>
          </w:p>
        </w:tc>
        <w:tc>
          <w:tcPr>
            <w:tcW w:w="1620" w:type="dxa"/>
          </w:tcPr>
          <w:p w:rsidR="00860A07" w:rsidRDefault="00CF4037" w:rsidP="00860A07">
            <w:r>
              <w:t>BXXX</w:t>
            </w:r>
          </w:p>
          <w:p w:rsidR="00FD0C22" w:rsidRDefault="00FD0C22" w:rsidP="00C17946">
            <w:r>
              <w:t xml:space="preserve">Se </w:t>
            </w:r>
            <w:r w:rsidR="00C17946">
              <w:t>bilaget pl</w:t>
            </w:r>
            <w:r>
              <w:t>acering</w:t>
            </w:r>
            <w:r w:rsidR="00C17946">
              <w:t xml:space="preserve"> og rolle</w:t>
            </w:r>
            <w:r>
              <w:t>.</w:t>
            </w:r>
          </w:p>
        </w:tc>
        <w:tc>
          <w:tcPr>
            <w:tcW w:w="1980" w:type="dxa"/>
          </w:tcPr>
          <w:p w:rsidR="00860A07" w:rsidRDefault="00FD0C22" w:rsidP="00C17946">
            <w:r>
              <w:t xml:space="preserve">Se </w:t>
            </w:r>
            <w:r w:rsidR="00C17946">
              <w:t>bilaget placering og rolle.</w:t>
            </w:r>
          </w:p>
        </w:tc>
        <w:tc>
          <w:tcPr>
            <w:tcW w:w="2340" w:type="dxa"/>
          </w:tcPr>
          <w:p w:rsidR="00860A07" w:rsidRDefault="00CF4037" w:rsidP="00860A07">
            <w:r>
              <w:t>At bygningens brugere tager aktiv del i evakueringen.</w:t>
            </w:r>
          </w:p>
        </w:tc>
        <w:tc>
          <w:tcPr>
            <w:tcW w:w="2250" w:type="dxa"/>
          </w:tcPr>
          <w:p w:rsidR="00860A07" w:rsidRPr="004A2328" w:rsidRDefault="00CF4037" w:rsidP="00FD0C22">
            <w:pPr>
              <w:rPr>
                <w:color w:val="179B61" w:themeColor="accent3" w:themeShade="BF"/>
              </w:rPr>
            </w:pPr>
            <w:r w:rsidRPr="004A2328">
              <w:rPr>
                <w:color w:val="179B61" w:themeColor="accent3" w:themeShade="BF"/>
              </w:rPr>
              <w:t>Alle veste kom i anvendelse, bortset fra supplerende tavle på 2. sal</w:t>
            </w:r>
            <w:r w:rsidR="00FD0C22" w:rsidRPr="004A2328">
              <w:rPr>
                <w:color w:val="179B61" w:themeColor="accent3" w:themeShade="BF"/>
              </w:rPr>
              <w:t>.</w:t>
            </w:r>
          </w:p>
        </w:tc>
        <w:tc>
          <w:tcPr>
            <w:tcW w:w="3150" w:type="dxa"/>
          </w:tcPr>
          <w:p w:rsidR="00860A07" w:rsidRPr="006D1F5B" w:rsidRDefault="00860A07" w:rsidP="00860A07">
            <w:pPr>
              <w:rPr>
                <w:color w:val="179B61" w:themeColor="accent3" w:themeShade="BF"/>
              </w:rPr>
            </w:pPr>
          </w:p>
        </w:tc>
      </w:tr>
      <w:tr w:rsidR="00860A07" w:rsidTr="00860A07">
        <w:trPr>
          <w:trHeight w:val="313"/>
        </w:trPr>
        <w:tc>
          <w:tcPr>
            <w:tcW w:w="858" w:type="dxa"/>
          </w:tcPr>
          <w:p w:rsidR="00860A07" w:rsidRPr="00990094" w:rsidRDefault="00E13987" w:rsidP="00FD0C22">
            <w:pPr>
              <w:rPr>
                <w:color w:val="179B61" w:themeColor="accent3" w:themeShade="BF"/>
              </w:rPr>
            </w:pPr>
            <w:r w:rsidRPr="00990094">
              <w:rPr>
                <w:color w:val="179B61" w:themeColor="accent3" w:themeShade="BF"/>
              </w:rPr>
              <w:t>14:</w:t>
            </w:r>
            <w:r w:rsidR="00FD0C22" w:rsidRPr="00990094">
              <w:rPr>
                <w:color w:val="179B61" w:themeColor="accent3" w:themeShade="BF"/>
              </w:rPr>
              <w:t>??</w:t>
            </w:r>
          </w:p>
        </w:tc>
        <w:tc>
          <w:tcPr>
            <w:tcW w:w="2880" w:type="dxa"/>
          </w:tcPr>
          <w:p w:rsidR="00860A07" w:rsidRDefault="00E13987" w:rsidP="00241983">
            <w:r>
              <w:t>Fuld evakuering gennem</w:t>
            </w:r>
            <w:r w:rsidR="00241983">
              <w:t>føres</w:t>
            </w:r>
            <w:r>
              <w:t xml:space="preserve"> med samling ved samlingspladsen</w:t>
            </w:r>
            <w:r w:rsidR="00524062">
              <w:t>.</w:t>
            </w:r>
          </w:p>
        </w:tc>
        <w:tc>
          <w:tcPr>
            <w:tcW w:w="1620" w:type="dxa"/>
          </w:tcPr>
          <w:p w:rsidR="00860A07" w:rsidRDefault="00E13987" w:rsidP="00860A07">
            <w:r>
              <w:t>BXXX, samlingspladsen</w:t>
            </w:r>
            <w:r w:rsidR="00524062">
              <w:t>.</w:t>
            </w:r>
          </w:p>
        </w:tc>
        <w:tc>
          <w:tcPr>
            <w:tcW w:w="1980" w:type="dxa"/>
          </w:tcPr>
          <w:p w:rsidR="00860A07" w:rsidRDefault="00E13987" w:rsidP="00860A07">
            <w:r>
              <w:t>Alle</w:t>
            </w:r>
          </w:p>
        </w:tc>
        <w:tc>
          <w:tcPr>
            <w:tcW w:w="2340" w:type="dxa"/>
          </w:tcPr>
          <w:p w:rsidR="00860A07" w:rsidRDefault="00E13987" w:rsidP="00241983">
            <w:r>
              <w:t>Bygningens brugere kan anvend</w:t>
            </w:r>
            <w:r w:rsidR="00241983">
              <w:t>e</w:t>
            </w:r>
            <w:r>
              <w:t xml:space="preserve"> flugtveje i retning væk fra samlingspladsen</w:t>
            </w:r>
            <w:r w:rsidR="00524062">
              <w:t>.</w:t>
            </w:r>
          </w:p>
        </w:tc>
        <w:tc>
          <w:tcPr>
            <w:tcW w:w="2250" w:type="dxa"/>
          </w:tcPr>
          <w:p w:rsidR="00860A07" w:rsidRPr="004A2328" w:rsidRDefault="00E13987" w:rsidP="00FD0C22">
            <w:pPr>
              <w:rPr>
                <w:color w:val="179B61" w:themeColor="accent3" w:themeShade="BF"/>
              </w:rPr>
            </w:pPr>
            <w:r w:rsidRPr="004A2328">
              <w:rPr>
                <w:color w:val="179B61" w:themeColor="accent3" w:themeShade="BF"/>
              </w:rPr>
              <w:t xml:space="preserve">Gruppe af evakuerede søgte ud nord </w:t>
            </w:r>
            <w:r w:rsidR="00524062" w:rsidRPr="004A2328">
              <w:rPr>
                <w:color w:val="179B61" w:themeColor="accent3" w:themeShade="BF"/>
              </w:rPr>
              <w:t>for samlingspladsen, blev anvist</w:t>
            </w:r>
            <w:r w:rsidRPr="004A2328">
              <w:rPr>
                <w:color w:val="179B61" w:themeColor="accent3" w:themeShade="BF"/>
              </w:rPr>
              <w:t xml:space="preserve"> </w:t>
            </w:r>
            <w:r w:rsidR="00FD0C22" w:rsidRPr="004A2328">
              <w:rPr>
                <w:color w:val="179B61" w:themeColor="accent3" w:themeShade="BF"/>
              </w:rPr>
              <w:t>til samlingspladsen</w:t>
            </w:r>
            <w:r w:rsidRPr="004A2328">
              <w:rPr>
                <w:color w:val="179B61" w:themeColor="accent3" w:themeShade="BF"/>
              </w:rPr>
              <w:t xml:space="preserve">. </w:t>
            </w:r>
          </w:p>
        </w:tc>
        <w:tc>
          <w:tcPr>
            <w:tcW w:w="3150" w:type="dxa"/>
          </w:tcPr>
          <w:p w:rsidR="00860A07" w:rsidRPr="006D1F5B" w:rsidRDefault="00FD0C22" w:rsidP="00860A07">
            <w:pPr>
              <w:rPr>
                <w:color w:val="179B61" w:themeColor="accent3" w:themeShade="BF"/>
              </w:rPr>
            </w:pPr>
            <w:r w:rsidRPr="006D1F5B">
              <w:rPr>
                <w:color w:val="179B61" w:themeColor="accent3" w:themeShade="BF"/>
              </w:rPr>
              <w:t>Evakueringen blev gennemført på 4 min og 30 sek.</w:t>
            </w:r>
          </w:p>
        </w:tc>
      </w:tr>
      <w:tr w:rsidR="00860A07" w:rsidTr="00860A07">
        <w:trPr>
          <w:trHeight w:val="313"/>
        </w:trPr>
        <w:tc>
          <w:tcPr>
            <w:tcW w:w="858" w:type="dxa"/>
          </w:tcPr>
          <w:p w:rsidR="00860A07" w:rsidRPr="00990094" w:rsidRDefault="00CF4037" w:rsidP="00860A07">
            <w:pPr>
              <w:rPr>
                <w:color w:val="179B61" w:themeColor="accent3" w:themeShade="BF"/>
              </w:rPr>
            </w:pPr>
            <w:r w:rsidRPr="00990094">
              <w:rPr>
                <w:color w:val="179B61" w:themeColor="accent3" w:themeShade="BF"/>
              </w:rPr>
              <w:t>14:??</w:t>
            </w:r>
          </w:p>
        </w:tc>
        <w:tc>
          <w:tcPr>
            <w:tcW w:w="2880" w:type="dxa"/>
          </w:tcPr>
          <w:p w:rsidR="00860A07" w:rsidRDefault="00CF4037" w:rsidP="00860A07">
            <w:r>
              <w:t xml:space="preserve">Alarmen </w:t>
            </w:r>
            <w:proofErr w:type="spellStart"/>
            <w:r>
              <w:t>deaktiveres</w:t>
            </w:r>
            <w:proofErr w:type="spellEnd"/>
            <w:r w:rsidR="00524062">
              <w:t>.</w:t>
            </w:r>
          </w:p>
        </w:tc>
        <w:tc>
          <w:tcPr>
            <w:tcW w:w="1620" w:type="dxa"/>
          </w:tcPr>
          <w:p w:rsidR="00860A07" w:rsidRDefault="00CF4037" w:rsidP="00860A07">
            <w:r>
              <w:t>Brandcentralen</w:t>
            </w:r>
          </w:p>
        </w:tc>
        <w:tc>
          <w:tcPr>
            <w:tcW w:w="1980" w:type="dxa"/>
          </w:tcPr>
          <w:p w:rsidR="00860A07" w:rsidRDefault="00CF4037" w:rsidP="00860A07">
            <w:r>
              <w:t>CAS EL</w:t>
            </w:r>
          </w:p>
        </w:tc>
        <w:tc>
          <w:tcPr>
            <w:tcW w:w="2340" w:type="dxa"/>
          </w:tcPr>
          <w:p w:rsidR="00860A07" w:rsidRDefault="00CF4037" w:rsidP="00860A07">
            <w:r>
              <w:t>Tonevarslingen stopper</w:t>
            </w:r>
          </w:p>
        </w:tc>
        <w:tc>
          <w:tcPr>
            <w:tcW w:w="2250" w:type="dxa"/>
          </w:tcPr>
          <w:p w:rsidR="00860A07" w:rsidRPr="004A2328" w:rsidRDefault="00CF4037" w:rsidP="00860A07">
            <w:pPr>
              <w:rPr>
                <w:color w:val="179B61" w:themeColor="accent3" w:themeShade="BF"/>
              </w:rPr>
            </w:pPr>
            <w:r w:rsidRPr="004A2328">
              <w:rPr>
                <w:color w:val="179B61" w:themeColor="accent3" w:themeShade="BF"/>
              </w:rPr>
              <w:t>Alarmen stoppede planmæssigt</w:t>
            </w:r>
            <w:r w:rsidR="00FD0C22" w:rsidRPr="004A2328">
              <w:rPr>
                <w:color w:val="179B61" w:themeColor="accent3" w:themeShade="BF"/>
              </w:rPr>
              <w:t>.</w:t>
            </w:r>
          </w:p>
        </w:tc>
        <w:tc>
          <w:tcPr>
            <w:tcW w:w="3150" w:type="dxa"/>
          </w:tcPr>
          <w:p w:rsidR="00860A07" w:rsidRPr="006D1F5B" w:rsidRDefault="00860A07" w:rsidP="00860A07">
            <w:pPr>
              <w:rPr>
                <w:color w:val="179B61" w:themeColor="accent3" w:themeShade="BF"/>
              </w:rPr>
            </w:pPr>
          </w:p>
        </w:tc>
      </w:tr>
      <w:tr w:rsidR="00860A07" w:rsidTr="00860A07">
        <w:trPr>
          <w:trHeight w:val="313"/>
        </w:trPr>
        <w:tc>
          <w:tcPr>
            <w:tcW w:w="858" w:type="dxa"/>
          </w:tcPr>
          <w:p w:rsidR="00860A07" w:rsidRPr="00990094" w:rsidRDefault="00CF4037" w:rsidP="00860A07">
            <w:pPr>
              <w:rPr>
                <w:color w:val="179B61" w:themeColor="accent3" w:themeShade="BF"/>
              </w:rPr>
            </w:pPr>
            <w:r w:rsidRPr="00990094">
              <w:rPr>
                <w:color w:val="179B61" w:themeColor="accent3" w:themeShade="BF"/>
              </w:rPr>
              <w:t>14:??</w:t>
            </w:r>
          </w:p>
        </w:tc>
        <w:tc>
          <w:tcPr>
            <w:tcW w:w="2880" w:type="dxa"/>
          </w:tcPr>
          <w:p w:rsidR="00860A07" w:rsidRDefault="00CF4037" w:rsidP="00860A07">
            <w:r>
              <w:t xml:space="preserve">Veste og </w:t>
            </w:r>
            <w:proofErr w:type="spellStart"/>
            <w:r>
              <w:t>actioncards</w:t>
            </w:r>
            <w:proofErr w:type="spellEnd"/>
            <w:r>
              <w:t xml:space="preserve"> indsamles og hænges retur.</w:t>
            </w:r>
          </w:p>
        </w:tc>
        <w:tc>
          <w:tcPr>
            <w:tcW w:w="1620" w:type="dxa"/>
          </w:tcPr>
          <w:p w:rsidR="00860A07" w:rsidRDefault="00CF4037" w:rsidP="00860A07">
            <w:r>
              <w:t>Beredskabstavlerne</w:t>
            </w:r>
            <w:r w:rsidR="00FD0C22">
              <w:t>.</w:t>
            </w:r>
          </w:p>
        </w:tc>
        <w:tc>
          <w:tcPr>
            <w:tcW w:w="1980" w:type="dxa"/>
          </w:tcPr>
          <w:p w:rsidR="00860A07" w:rsidRDefault="00FD0C22" w:rsidP="00860A07">
            <w:r>
              <w:t>Øvelsesgruppen</w:t>
            </w:r>
          </w:p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Pr="004A2328" w:rsidRDefault="00CF4037" w:rsidP="00860A07">
            <w:pPr>
              <w:rPr>
                <w:color w:val="179B61" w:themeColor="accent3" w:themeShade="BF"/>
              </w:rPr>
            </w:pPr>
            <w:r w:rsidRPr="004A2328">
              <w:rPr>
                <w:color w:val="179B61" w:themeColor="accent3" w:themeShade="BF"/>
              </w:rPr>
              <w:t>Alt materiel er på plads igen.</w:t>
            </w:r>
          </w:p>
        </w:tc>
        <w:tc>
          <w:tcPr>
            <w:tcW w:w="3150" w:type="dxa"/>
          </w:tcPr>
          <w:p w:rsidR="00860A07" w:rsidRPr="006D1F5B" w:rsidRDefault="00860A07" w:rsidP="00860A07">
            <w:pPr>
              <w:rPr>
                <w:color w:val="179B61" w:themeColor="accent3" w:themeShade="BF"/>
              </w:rPr>
            </w:pPr>
          </w:p>
        </w:tc>
      </w:tr>
      <w:tr w:rsidR="00860A07" w:rsidTr="00860A07">
        <w:trPr>
          <w:trHeight w:val="313"/>
        </w:trPr>
        <w:tc>
          <w:tcPr>
            <w:tcW w:w="858" w:type="dxa"/>
          </w:tcPr>
          <w:p w:rsidR="00860A07" w:rsidRPr="00990094" w:rsidRDefault="00CF4037" w:rsidP="00860A07">
            <w:pPr>
              <w:rPr>
                <w:color w:val="179B61" w:themeColor="accent3" w:themeShade="BF"/>
              </w:rPr>
            </w:pPr>
            <w:r w:rsidRPr="00990094">
              <w:rPr>
                <w:color w:val="179B61" w:themeColor="accent3" w:themeShade="BF"/>
              </w:rPr>
              <w:t>14??</w:t>
            </w:r>
          </w:p>
        </w:tc>
        <w:tc>
          <w:tcPr>
            <w:tcW w:w="2880" w:type="dxa"/>
          </w:tcPr>
          <w:p w:rsidR="00860A07" w:rsidRDefault="009B6B4E" w:rsidP="009B6B4E">
            <w:r>
              <w:t>Evaluering i øvelsesgruppen, læringspunkter indsamles.</w:t>
            </w:r>
          </w:p>
        </w:tc>
        <w:tc>
          <w:tcPr>
            <w:tcW w:w="1620" w:type="dxa"/>
          </w:tcPr>
          <w:p w:rsidR="00860A07" w:rsidRDefault="00CF4037" w:rsidP="00860A07">
            <w:r>
              <w:t>BXXX, RXXX</w:t>
            </w:r>
          </w:p>
        </w:tc>
        <w:tc>
          <w:tcPr>
            <w:tcW w:w="1980" w:type="dxa"/>
          </w:tcPr>
          <w:p w:rsidR="00860A07" w:rsidRDefault="00CF4037" w:rsidP="00FD0C22">
            <w:r>
              <w:t xml:space="preserve">XXX </w:t>
            </w:r>
            <w:r w:rsidR="00FD0C22">
              <w:t>booker lokale.</w:t>
            </w:r>
          </w:p>
        </w:tc>
        <w:tc>
          <w:tcPr>
            <w:tcW w:w="2340" w:type="dxa"/>
          </w:tcPr>
          <w:p w:rsidR="00860A07" w:rsidRDefault="00241983" w:rsidP="00860A07">
            <w:r>
              <w:t>Evalueringsskemaer afleveres til øvelsesleder</w:t>
            </w:r>
          </w:p>
        </w:tc>
        <w:tc>
          <w:tcPr>
            <w:tcW w:w="2250" w:type="dxa"/>
          </w:tcPr>
          <w:p w:rsidR="00860A07" w:rsidRPr="004A2328" w:rsidRDefault="00241983" w:rsidP="00860A07">
            <w:pPr>
              <w:rPr>
                <w:color w:val="179B61" w:themeColor="accent3" w:themeShade="BF"/>
              </w:rPr>
            </w:pPr>
            <w:r w:rsidRPr="004A2328">
              <w:rPr>
                <w:color w:val="179B61" w:themeColor="accent3" w:themeShade="BF"/>
              </w:rPr>
              <w:t>Evalueringsskema modtaget hos øvelseslederen.</w:t>
            </w:r>
          </w:p>
        </w:tc>
        <w:tc>
          <w:tcPr>
            <w:tcW w:w="3150" w:type="dxa"/>
          </w:tcPr>
          <w:p w:rsidR="00860A07" w:rsidRPr="006D1F5B" w:rsidRDefault="00241983" w:rsidP="00860A07">
            <w:pPr>
              <w:rPr>
                <w:color w:val="179B61" w:themeColor="accent3" w:themeShade="BF"/>
              </w:rPr>
            </w:pPr>
            <w:r w:rsidRPr="006D1F5B">
              <w:rPr>
                <w:color w:val="179B61" w:themeColor="accent3" w:themeShade="BF"/>
              </w:rPr>
              <w:t>Øvelseslederen står for afrapportering til CAS ABB og mails til egen organisation og brugere.</w:t>
            </w:r>
          </w:p>
        </w:tc>
      </w:tr>
      <w:tr w:rsidR="00860A07" w:rsidTr="00860A07">
        <w:trPr>
          <w:trHeight w:val="313"/>
        </w:trPr>
        <w:tc>
          <w:tcPr>
            <w:tcW w:w="858" w:type="dxa"/>
          </w:tcPr>
          <w:p w:rsidR="00860A07" w:rsidRDefault="00860A07" w:rsidP="00860A07"/>
        </w:tc>
        <w:tc>
          <w:tcPr>
            <w:tcW w:w="2880" w:type="dxa"/>
          </w:tcPr>
          <w:p w:rsidR="00860A07" w:rsidRDefault="00860A07" w:rsidP="00860A07"/>
        </w:tc>
        <w:tc>
          <w:tcPr>
            <w:tcW w:w="1620" w:type="dxa"/>
          </w:tcPr>
          <w:p w:rsidR="00860A07" w:rsidRDefault="00860A07" w:rsidP="00860A07"/>
        </w:tc>
        <w:tc>
          <w:tcPr>
            <w:tcW w:w="1980" w:type="dxa"/>
          </w:tcPr>
          <w:p w:rsidR="00860A07" w:rsidRDefault="00860A07" w:rsidP="00860A07"/>
        </w:tc>
        <w:tc>
          <w:tcPr>
            <w:tcW w:w="2340" w:type="dxa"/>
          </w:tcPr>
          <w:p w:rsidR="00860A07" w:rsidRDefault="00860A07" w:rsidP="00860A07"/>
        </w:tc>
        <w:tc>
          <w:tcPr>
            <w:tcW w:w="2250" w:type="dxa"/>
          </w:tcPr>
          <w:p w:rsidR="00860A07" w:rsidRDefault="00860A07" w:rsidP="00860A07"/>
        </w:tc>
        <w:tc>
          <w:tcPr>
            <w:tcW w:w="3150" w:type="dxa"/>
          </w:tcPr>
          <w:p w:rsidR="00860A07" w:rsidRDefault="00860A07" w:rsidP="00860A07"/>
        </w:tc>
      </w:tr>
    </w:tbl>
    <w:p w:rsidR="00860A07" w:rsidRDefault="00860A07" w:rsidP="00F83307"/>
    <w:p w:rsidR="00E13987" w:rsidRDefault="00E13987" w:rsidP="00F83307"/>
    <w:tbl>
      <w:tblPr>
        <w:tblStyle w:val="Tabel-Gitter"/>
        <w:tblpPr w:leftFromText="141" w:rightFromText="141" w:vertAnchor="text" w:horzAnchor="page" w:tblpX="885" w:tblpY="130"/>
        <w:tblW w:w="15025" w:type="dxa"/>
        <w:tblLook w:val="04A0" w:firstRow="1" w:lastRow="0" w:firstColumn="1" w:lastColumn="0" w:noHBand="0" w:noVBand="1"/>
      </w:tblPr>
      <w:tblGrid>
        <w:gridCol w:w="2875"/>
        <w:gridCol w:w="5670"/>
        <w:gridCol w:w="6480"/>
      </w:tblGrid>
      <w:tr w:rsidR="00073155" w:rsidTr="006D1F5B">
        <w:tc>
          <w:tcPr>
            <w:tcW w:w="2875" w:type="dxa"/>
            <w:shd w:val="clear" w:color="auto" w:fill="990000" w:themeFill="text2"/>
          </w:tcPr>
          <w:p w:rsidR="00073155" w:rsidRPr="00E13987" w:rsidRDefault="00524062" w:rsidP="00990094">
            <w:pPr>
              <w:rPr>
                <w:b/>
                <w:sz w:val="24"/>
                <w:szCs w:val="24"/>
              </w:rPr>
            </w:pPr>
            <w:r>
              <w:rPr>
                <w:b/>
                <w:sz w:val="24"/>
                <w:szCs w:val="24"/>
              </w:rPr>
              <w:lastRenderedPageBreak/>
              <w:t>Navn</w:t>
            </w:r>
            <w:r w:rsidR="00990094">
              <w:rPr>
                <w:b/>
                <w:sz w:val="24"/>
                <w:szCs w:val="24"/>
              </w:rPr>
              <w:t>,</w:t>
            </w:r>
            <w:r>
              <w:rPr>
                <w:b/>
                <w:sz w:val="24"/>
                <w:szCs w:val="24"/>
              </w:rPr>
              <w:t xml:space="preserve"> enhed</w:t>
            </w:r>
            <w:r w:rsidR="00990094">
              <w:rPr>
                <w:b/>
                <w:sz w:val="24"/>
                <w:szCs w:val="24"/>
              </w:rPr>
              <w:t xml:space="preserve"> og tlf.</w:t>
            </w:r>
          </w:p>
        </w:tc>
        <w:tc>
          <w:tcPr>
            <w:tcW w:w="5670" w:type="dxa"/>
            <w:shd w:val="clear" w:color="auto" w:fill="990000" w:themeFill="text2"/>
          </w:tcPr>
          <w:p w:rsidR="00073155" w:rsidRPr="00E13987" w:rsidRDefault="00073155" w:rsidP="00073155">
            <w:pPr>
              <w:rPr>
                <w:b/>
                <w:sz w:val="24"/>
                <w:szCs w:val="24"/>
              </w:rPr>
            </w:pPr>
            <w:r w:rsidRPr="00E13987">
              <w:rPr>
                <w:b/>
                <w:sz w:val="24"/>
                <w:szCs w:val="24"/>
              </w:rPr>
              <w:t>Placering</w:t>
            </w:r>
            <w:r w:rsidR="00524062">
              <w:rPr>
                <w:b/>
                <w:sz w:val="24"/>
                <w:szCs w:val="24"/>
              </w:rPr>
              <w:t xml:space="preserve"> ved øvelsesstart</w:t>
            </w:r>
          </w:p>
        </w:tc>
        <w:tc>
          <w:tcPr>
            <w:tcW w:w="6480" w:type="dxa"/>
            <w:shd w:val="clear" w:color="auto" w:fill="990000" w:themeFill="text2"/>
          </w:tcPr>
          <w:p w:rsidR="00073155" w:rsidRPr="00E13987" w:rsidRDefault="00073155" w:rsidP="00073155">
            <w:pPr>
              <w:rPr>
                <w:b/>
                <w:sz w:val="24"/>
                <w:szCs w:val="24"/>
              </w:rPr>
            </w:pPr>
            <w:r w:rsidRPr="00E13987">
              <w:rPr>
                <w:b/>
                <w:sz w:val="24"/>
                <w:szCs w:val="24"/>
              </w:rPr>
              <w:t>Rolle</w:t>
            </w:r>
          </w:p>
        </w:tc>
      </w:tr>
      <w:tr w:rsidR="00073155" w:rsidTr="006D1F5B">
        <w:tc>
          <w:tcPr>
            <w:tcW w:w="2875" w:type="dxa"/>
          </w:tcPr>
          <w:p w:rsidR="00073155" w:rsidRDefault="00073155" w:rsidP="00073155">
            <w:r>
              <w:t>XXXX</w:t>
            </w:r>
          </w:p>
        </w:tc>
        <w:tc>
          <w:tcPr>
            <w:tcW w:w="5670" w:type="dxa"/>
          </w:tcPr>
          <w:p w:rsidR="00073155" w:rsidRDefault="00073155" w:rsidP="00241983">
            <w:r>
              <w:t>BXXX, etage X ved brandcentralen</w:t>
            </w:r>
          </w:p>
        </w:tc>
        <w:tc>
          <w:tcPr>
            <w:tcW w:w="6480" w:type="dxa"/>
          </w:tcPr>
          <w:p w:rsidR="004A2328" w:rsidRDefault="00073155" w:rsidP="00073155">
            <w:pPr>
              <w:rPr>
                <w:b/>
              </w:rPr>
            </w:pPr>
            <w:r>
              <w:rPr>
                <w:b/>
              </w:rPr>
              <w:t>Øvelsesleder</w:t>
            </w:r>
            <w:r w:rsidR="004A2328">
              <w:rPr>
                <w:b/>
              </w:rPr>
              <w:t>:</w:t>
            </w:r>
          </w:p>
          <w:p w:rsidR="004A2328" w:rsidRDefault="004A2328" w:rsidP="004A2328">
            <w:pPr>
              <w:pStyle w:val="Listeafsnit"/>
              <w:numPr>
                <w:ilvl w:val="0"/>
                <w:numId w:val="13"/>
              </w:numPr>
            </w:pPr>
            <w:r>
              <w:t>B</w:t>
            </w:r>
            <w:r w:rsidR="00073155">
              <w:t>istå</w:t>
            </w:r>
            <w:r>
              <w:t>r</w:t>
            </w:r>
            <w:r w:rsidR="00073155">
              <w:t xml:space="preserve"> CAS EL</w:t>
            </w:r>
            <w:r>
              <w:t xml:space="preserve"> ved øvelsesstart</w:t>
            </w:r>
          </w:p>
          <w:p w:rsidR="004A2328" w:rsidRDefault="004A2328" w:rsidP="004A2328">
            <w:pPr>
              <w:pStyle w:val="Listeafsnit"/>
              <w:numPr>
                <w:ilvl w:val="0"/>
                <w:numId w:val="13"/>
              </w:numPr>
            </w:pPr>
            <w:r>
              <w:t>K</w:t>
            </w:r>
            <w:r w:rsidR="00073155">
              <w:t>oordiner</w:t>
            </w:r>
            <w:r>
              <w:t>er</w:t>
            </w:r>
            <w:r w:rsidR="00073155">
              <w:t xml:space="preserve"> øvelsen</w:t>
            </w:r>
          </w:p>
          <w:p w:rsidR="006D1F5B" w:rsidRDefault="006D1F5B" w:rsidP="004A2328">
            <w:pPr>
              <w:pStyle w:val="Listeafsnit"/>
              <w:numPr>
                <w:ilvl w:val="0"/>
                <w:numId w:val="13"/>
              </w:numPr>
            </w:pPr>
            <w:r>
              <w:t>Foretager tidstagning</w:t>
            </w:r>
          </w:p>
          <w:p w:rsidR="004A2328" w:rsidRDefault="004A2328" w:rsidP="00B52735">
            <w:pPr>
              <w:pStyle w:val="Listeafsnit"/>
              <w:numPr>
                <w:ilvl w:val="0"/>
                <w:numId w:val="13"/>
              </w:numPr>
            </w:pPr>
            <w:r>
              <w:t xml:space="preserve">Sikrer opsamling og </w:t>
            </w:r>
            <w:r w:rsidR="00574581">
              <w:t>afrapportering</w:t>
            </w:r>
          </w:p>
          <w:p w:rsidR="00524062" w:rsidRPr="00941BC9" w:rsidRDefault="006D1F5B" w:rsidP="006D1F5B">
            <w:pPr>
              <w:pStyle w:val="Listeafsnit"/>
              <w:numPr>
                <w:ilvl w:val="0"/>
                <w:numId w:val="13"/>
              </w:numPr>
            </w:pPr>
            <w:r>
              <w:t>Hø</w:t>
            </w:r>
            <w:r w:rsidR="00524062">
              <w:t>reværn</w:t>
            </w:r>
            <w:r w:rsidR="00574581">
              <w:t xml:space="preserve"> </w:t>
            </w:r>
            <w:r>
              <w:t xml:space="preserve">anvendes </w:t>
            </w:r>
            <w:r w:rsidR="004A2328">
              <w:t>ved høj tonevarsling</w:t>
            </w:r>
          </w:p>
        </w:tc>
      </w:tr>
      <w:tr w:rsidR="00241983" w:rsidTr="006D1F5B">
        <w:tc>
          <w:tcPr>
            <w:tcW w:w="2875" w:type="dxa"/>
          </w:tcPr>
          <w:p w:rsidR="00241983" w:rsidRDefault="00241983" w:rsidP="00073155">
            <w:r>
              <w:t>XXXX</w:t>
            </w:r>
          </w:p>
        </w:tc>
        <w:tc>
          <w:tcPr>
            <w:tcW w:w="5670" w:type="dxa"/>
          </w:tcPr>
          <w:p w:rsidR="00241983" w:rsidRDefault="00B52735" w:rsidP="00B52735">
            <w:r>
              <w:t>Mellem samlingsplads og BXXX</w:t>
            </w:r>
          </w:p>
        </w:tc>
        <w:tc>
          <w:tcPr>
            <w:tcW w:w="6480" w:type="dxa"/>
          </w:tcPr>
          <w:p w:rsidR="004A2328" w:rsidRDefault="00B52735" w:rsidP="004A2328">
            <w:pPr>
              <w:rPr>
                <w:b/>
              </w:rPr>
            </w:pPr>
            <w:r>
              <w:rPr>
                <w:b/>
              </w:rPr>
              <w:t>Observatør</w:t>
            </w:r>
            <w:r w:rsidR="004A2328">
              <w:rPr>
                <w:b/>
              </w:rPr>
              <w:t>:</w:t>
            </w:r>
          </w:p>
          <w:p w:rsidR="004A2328" w:rsidRDefault="00B52735" w:rsidP="004A2328">
            <w:pPr>
              <w:pStyle w:val="Listeafsnit"/>
              <w:numPr>
                <w:ilvl w:val="0"/>
                <w:numId w:val="13"/>
              </w:numPr>
            </w:pPr>
            <w:r>
              <w:t>Observ</w:t>
            </w:r>
            <w:r w:rsidR="006D1F5B">
              <w:t>erer</w:t>
            </w:r>
            <w:r>
              <w:t xml:space="preserve"> i forhold til øvelsens formål</w:t>
            </w:r>
          </w:p>
          <w:p w:rsidR="004A2328" w:rsidRDefault="004A2328" w:rsidP="004A2328">
            <w:pPr>
              <w:pStyle w:val="Listeafsnit"/>
              <w:numPr>
                <w:ilvl w:val="0"/>
                <w:numId w:val="13"/>
              </w:numPr>
            </w:pPr>
            <w:r>
              <w:t>Hjælp</w:t>
            </w:r>
            <w:r w:rsidR="006D1F5B">
              <w:t>er</w:t>
            </w:r>
            <w:r>
              <w:t xml:space="preserve"> </w:t>
            </w:r>
            <w:r w:rsidR="006D1F5B">
              <w:t xml:space="preserve">evt. </w:t>
            </w:r>
            <w:r>
              <w:t>med tidstagning</w:t>
            </w:r>
          </w:p>
          <w:p w:rsidR="004A2328" w:rsidRDefault="004A2328" w:rsidP="004A2328">
            <w:pPr>
              <w:pStyle w:val="Listeafsnit"/>
              <w:numPr>
                <w:ilvl w:val="0"/>
                <w:numId w:val="13"/>
              </w:numPr>
            </w:pPr>
            <w:r>
              <w:t>Anvend</w:t>
            </w:r>
            <w:r w:rsidR="006D1F5B">
              <w:t>er</w:t>
            </w:r>
            <w:r>
              <w:t xml:space="preserve"> blå observatørvest (hvis aftalt)</w:t>
            </w:r>
          </w:p>
          <w:p w:rsidR="006D1F5B" w:rsidRDefault="004A2328" w:rsidP="006D1F5B">
            <w:pPr>
              <w:pStyle w:val="Listeafsnit"/>
              <w:numPr>
                <w:ilvl w:val="0"/>
                <w:numId w:val="13"/>
              </w:numPr>
            </w:pPr>
            <w:r>
              <w:t>Giv</w:t>
            </w:r>
            <w:r w:rsidR="006D1F5B">
              <w:t>er</w:t>
            </w:r>
            <w:r>
              <w:t xml:space="preserve"> tilbagemelding til øvelsesleder efter øvelsen</w:t>
            </w:r>
          </w:p>
          <w:p w:rsidR="004A2328" w:rsidRPr="00B52735" w:rsidRDefault="006D1F5B" w:rsidP="006D1F5B">
            <w:pPr>
              <w:pStyle w:val="Listeafsnit"/>
              <w:numPr>
                <w:ilvl w:val="0"/>
                <w:numId w:val="13"/>
              </w:numPr>
            </w:pPr>
            <w:r>
              <w:t>H</w:t>
            </w:r>
            <w:r w:rsidR="004A2328">
              <w:t xml:space="preserve">øreværn </w:t>
            </w:r>
            <w:r>
              <w:t xml:space="preserve">anvendes </w:t>
            </w:r>
            <w:r w:rsidR="004A2328">
              <w:t>ved høj tonevarsling</w:t>
            </w:r>
          </w:p>
        </w:tc>
      </w:tr>
      <w:tr w:rsidR="00B52735" w:rsidTr="006D1F5B">
        <w:tc>
          <w:tcPr>
            <w:tcW w:w="2875" w:type="dxa"/>
          </w:tcPr>
          <w:p w:rsidR="00B52735" w:rsidRDefault="00B52735" w:rsidP="00B52735">
            <w:r>
              <w:t>XXXX</w:t>
            </w:r>
          </w:p>
        </w:tc>
        <w:tc>
          <w:tcPr>
            <w:tcW w:w="5670" w:type="dxa"/>
          </w:tcPr>
          <w:p w:rsidR="00B52735" w:rsidRDefault="00B52735" w:rsidP="00B52735">
            <w:r>
              <w:t>BXXX, etage X ved hovedberedskabstavlen</w:t>
            </w:r>
          </w:p>
        </w:tc>
        <w:tc>
          <w:tcPr>
            <w:tcW w:w="6480" w:type="dxa"/>
          </w:tcPr>
          <w:p w:rsidR="004A2328" w:rsidRDefault="004A2328" w:rsidP="00B52735">
            <w:pPr>
              <w:rPr>
                <w:b/>
              </w:rPr>
            </w:pPr>
            <w:r>
              <w:rPr>
                <w:b/>
              </w:rPr>
              <w:t>Observatør/</w:t>
            </w:r>
            <w:r w:rsidR="00B52735">
              <w:rPr>
                <w:b/>
              </w:rPr>
              <w:t>Vejleder</w:t>
            </w:r>
            <w:r>
              <w:rPr>
                <w:b/>
              </w:rPr>
              <w:t>:</w:t>
            </w:r>
          </w:p>
          <w:p w:rsidR="004A2328" w:rsidRDefault="004A2328" w:rsidP="004A2328">
            <w:pPr>
              <w:pStyle w:val="Listeafsnit"/>
              <w:numPr>
                <w:ilvl w:val="0"/>
                <w:numId w:val="13"/>
              </w:numPr>
            </w:pPr>
            <w:r>
              <w:t>Hold</w:t>
            </w:r>
            <w:r w:rsidR="006D1F5B">
              <w:t>er</w:t>
            </w:r>
            <w:r>
              <w:t xml:space="preserve"> </w:t>
            </w:r>
            <w:r w:rsidR="00990094">
              <w:t xml:space="preserve">på afstand </w:t>
            </w:r>
            <w:r>
              <w:t>øje med hovedberedskabstavlen</w:t>
            </w:r>
          </w:p>
          <w:p w:rsidR="004A2328" w:rsidRDefault="004A2328" w:rsidP="004A2328">
            <w:pPr>
              <w:pStyle w:val="Listeafsnit"/>
              <w:numPr>
                <w:ilvl w:val="0"/>
                <w:numId w:val="13"/>
              </w:numPr>
            </w:pPr>
            <w:r>
              <w:t>Hvis veste bliver taget, så støt</w:t>
            </w:r>
            <w:r w:rsidR="006D1F5B">
              <w:t>tes og vejledes</w:t>
            </w:r>
          </w:p>
          <w:p w:rsidR="00E262D6" w:rsidRDefault="004A2328" w:rsidP="004A2328">
            <w:pPr>
              <w:pStyle w:val="Listeafsnit"/>
              <w:numPr>
                <w:ilvl w:val="0"/>
                <w:numId w:val="13"/>
              </w:numPr>
            </w:pPr>
            <w:r>
              <w:t>Hvis veste ikke umiddelbart tages, så motiv</w:t>
            </w:r>
            <w:r w:rsidR="006D1F5B">
              <w:t>eres</w:t>
            </w:r>
            <w:r>
              <w:t xml:space="preserve"> de </w:t>
            </w:r>
            <w:r w:rsidR="006D1F5B">
              <w:t>forbipasserende til at lade sig i</w:t>
            </w:r>
            <w:r>
              <w:t>ndspille</w:t>
            </w:r>
            <w:r w:rsidR="006D1F5B">
              <w:t xml:space="preserve">. </w:t>
            </w:r>
          </w:p>
          <w:p w:rsidR="00E262D6" w:rsidRDefault="00E262D6" w:rsidP="004A2328">
            <w:pPr>
              <w:pStyle w:val="Listeafsnit"/>
              <w:numPr>
                <w:ilvl w:val="0"/>
                <w:numId w:val="13"/>
              </w:numPr>
            </w:pPr>
            <w:r>
              <w:t>Motivér verbalt og peg på tavlen</w:t>
            </w:r>
          </w:p>
          <w:p w:rsidR="00E262D6" w:rsidRPr="00E262D6" w:rsidRDefault="00E262D6" w:rsidP="00E262D6">
            <w:pPr>
              <w:pStyle w:val="Listeafsnit"/>
              <w:rPr>
                <w:i/>
              </w:rPr>
            </w:pPr>
            <w:r w:rsidRPr="00E262D6">
              <w:rPr>
                <w:i/>
              </w:rPr>
              <w:t>”Husk at tage en vest – jeg hjælper</w:t>
            </w:r>
            <w:r>
              <w:rPr>
                <w:i/>
              </w:rPr>
              <w:t xml:space="preserve"> dig</w:t>
            </w:r>
            <w:r w:rsidRPr="00E262D6">
              <w:rPr>
                <w:i/>
              </w:rPr>
              <w:t>!”</w:t>
            </w:r>
          </w:p>
          <w:p w:rsidR="004A2328" w:rsidRPr="00E262D6" w:rsidRDefault="00E262D6" w:rsidP="00E262D6">
            <w:pPr>
              <w:pStyle w:val="Listeafsnit"/>
              <w:rPr>
                <w:i/>
              </w:rPr>
            </w:pPr>
            <w:r w:rsidRPr="00E262D6">
              <w:rPr>
                <w:i/>
              </w:rPr>
              <w:t>”Vi har brug for hjælp! – tag en vest, jeg hjælper dig</w:t>
            </w:r>
            <w:r>
              <w:rPr>
                <w:i/>
              </w:rPr>
              <w:t xml:space="preserve"> i gang</w:t>
            </w:r>
            <w:r w:rsidRPr="00E262D6">
              <w:rPr>
                <w:i/>
              </w:rPr>
              <w:t>!”</w:t>
            </w:r>
            <w:r w:rsidR="004A2328" w:rsidRPr="00E262D6">
              <w:rPr>
                <w:i/>
              </w:rPr>
              <w:t xml:space="preserve"> </w:t>
            </w:r>
          </w:p>
          <w:p w:rsidR="00B52735" w:rsidRDefault="006D1F5B" w:rsidP="004A2328">
            <w:pPr>
              <w:pStyle w:val="Listeafsnit"/>
              <w:numPr>
                <w:ilvl w:val="0"/>
                <w:numId w:val="13"/>
              </w:numPr>
            </w:pPr>
            <w:r>
              <w:t>H</w:t>
            </w:r>
            <w:r w:rsidR="004A2328">
              <w:t xml:space="preserve">øreværn </w:t>
            </w:r>
            <w:r>
              <w:t xml:space="preserve">anvendes </w:t>
            </w:r>
            <w:r w:rsidR="004A2328">
              <w:t>ved høj tonevarsling</w:t>
            </w:r>
          </w:p>
        </w:tc>
      </w:tr>
      <w:tr w:rsidR="00B52735" w:rsidTr="00E262D6">
        <w:trPr>
          <w:trHeight w:val="1892"/>
        </w:trPr>
        <w:tc>
          <w:tcPr>
            <w:tcW w:w="2875" w:type="dxa"/>
          </w:tcPr>
          <w:p w:rsidR="00B52735" w:rsidRDefault="00B52735" w:rsidP="00B52735">
            <w:r>
              <w:t>XXXX</w:t>
            </w:r>
          </w:p>
        </w:tc>
        <w:tc>
          <w:tcPr>
            <w:tcW w:w="5670" w:type="dxa"/>
          </w:tcPr>
          <w:p w:rsidR="00B52735" w:rsidRDefault="00B52735" w:rsidP="00B52735">
            <w:r>
              <w:t>BXXX, etage X, RXXX ved supplerende tavle</w:t>
            </w:r>
          </w:p>
        </w:tc>
        <w:tc>
          <w:tcPr>
            <w:tcW w:w="6480" w:type="dxa"/>
          </w:tcPr>
          <w:p w:rsidR="006D1F5B" w:rsidRDefault="00B52735" w:rsidP="00B52735">
            <w:pPr>
              <w:rPr>
                <w:b/>
              </w:rPr>
            </w:pPr>
            <w:r w:rsidRPr="00B52735">
              <w:rPr>
                <w:b/>
              </w:rPr>
              <w:t>Vejleder</w:t>
            </w:r>
            <w:r w:rsidR="006D1F5B">
              <w:rPr>
                <w:b/>
              </w:rPr>
              <w:t>:</w:t>
            </w:r>
          </w:p>
          <w:p w:rsidR="006D1F5B" w:rsidRDefault="006D1F5B" w:rsidP="006D1F5B">
            <w:pPr>
              <w:pStyle w:val="Listeafsnit"/>
              <w:numPr>
                <w:ilvl w:val="0"/>
                <w:numId w:val="13"/>
              </w:numPr>
            </w:pPr>
            <w:r>
              <w:t>Hvis veste bliver taget, så støttes og vejledes</w:t>
            </w:r>
          </w:p>
          <w:p w:rsidR="00E262D6" w:rsidRDefault="006D1F5B" w:rsidP="006D1F5B">
            <w:pPr>
              <w:pStyle w:val="Listeafsnit"/>
              <w:numPr>
                <w:ilvl w:val="0"/>
                <w:numId w:val="13"/>
              </w:numPr>
            </w:pPr>
            <w:r>
              <w:t xml:space="preserve">Hvis veste ikke umiddelbart tages, så motiveres de forbipasserende til at lade sig indspille. </w:t>
            </w:r>
          </w:p>
          <w:p w:rsidR="006D1F5B" w:rsidRDefault="00E262D6" w:rsidP="006D1F5B">
            <w:pPr>
              <w:pStyle w:val="Listeafsnit"/>
              <w:numPr>
                <w:ilvl w:val="0"/>
                <w:numId w:val="13"/>
              </w:numPr>
            </w:pPr>
            <w:r>
              <w:t>Motivér verbalt og peg på tavlen</w:t>
            </w:r>
          </w:p>
          <w:p w:rsidR="00E262D6" w:rsidRPr="00E262D6" w:rsidRDefault="00E262D6" w:rsidP="00E262D6">
            <w:pPr>
              <w:pStyle w:val="Listeafsnit"/>
              <w:rPr>
                <w:i/>
              </w:rPr>
            </w:pPr>
            <w:r w:rsidRPr="00E262D6">
              <w:rPr>
                <w:i/>
              </w:rPr>
              <w:t>”Husk at tage en vest – jeg hjælper</w:t>
            </w:r>
            <w:r>
              <w:rPr>
                <w:i/>
              </w:rPr>
              <w:t xml:space="preserve"> dig</w:t>
            </w:r>
            <w:r w:rsidRPr="00E262D6">
              <w:rPr>
                <w:i/>
              </w:rPr>
              <w:t>!”</w:t>
            </w:r>
          </w:p>
          <w:p w:rsidR="00E262D6" w:rsidRPr="00E262D6" w:rsidRDefault="00E262D6" w:rsidP="00E262D6">
            <w:pPr>
              <w:pStyle w:val="Listeafsnit"/>
              <w:rPr>
                <w:i/>
              </w:rPr>
            </w:pPr>
            <w:r w:rsidRPr="00E262D6">
              <w:rPr>
                <w:i/>
              </w:rPr>
              <w:t>”Vi har brug for hjælp! – tag en vest, jeg hjælper dig</w:t>
            </w:r>
            <w:r>
              <w:rPr>
                <w:i/>
              </w:rPr>
              <w:t xml:space="preserve"> i gang</w:t>
            </w:r>
            <w:r w:rsidRPr="00E262D6">
              <w:rPr>
                <w:i/>
              </w:rPr>
              <w:t xml:space="preserve">!” </w:t>
            </w:r>
          </w:p>
          <w:p w:rsidR="00B52735" w:rsidRDefault="006D1F5B" w:rsidP="00E262D6">
            <w:pPr>
              <w:pStyle w:val="Listeafsnit"/>
              <w:numPr>
                <w:ilvl w:val="0"/>
                <w:numId w:val="13"/>
              </w:numPr>
            </w:pPr>
            <w:r>
              <w:t>Høreværn anvendes ved høj tonevarsling</w:t>
            </w:r>
            <w:r w:rsidR="00B52735">
              <w:t xml:space="preserve"> </w:t>
            </w:r>
          </w:p>
        </w:tc>
        <w:bookmarkStart w:id="0" w:name="_GoBack"/>
        <w:bookmarkEnd w:id="0"/>
      </w:tr>
    </w:tbl>
    <w:p w:rsidR="00E13987" w:rsidRPr="00860A07" w:rsidRDefault="00E13987" w:rsidP="00E262D6"/>
    <w:sectPr w:rsidR="00E13987" w:rsidRPr="00860A07" w:rsidSect="00E262D6">
      <w:headerReference w:type="default" r:id="rId9"/>
      <w:footerReference w:type="default" r:id="rId10"/>
      <w:headerReference w:type="first" r:id="rId11"/>
      <w:footerReference w:type="first" r:id="rId12"/>
      <w:pgSz w:w="16838" w:h="11906" w:orient="landscape" w:code="9"/>
      <w:pgMar w:top="1661" w:right="2211" w:bottom="1620" w:left="2835" w:header="567" w:footer="41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860A07" w:rsidRDefault="00860A07" w:rsidP="009E4B94">
      <w:pPr>
        <w:spacing w:line="240" w:lineRule="auto"/>
      </w:pPr>
      <w:r>
        <w:separator/>
      </w:r>
    </w:p>
  </w:endnote>
  <w:endnote w:type="continuationSeparator" w:id="0">
    <w:p w:rsidR="00860A07" w:rsidRDefault="00860A0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5FEC" w:rsidRPr="00B27B05" w:rsidRDefault="00E262D6" w:rsidP="00E35FEC">
    <w:pPr>
      <w:pStyle w:val="FooterRight"/>
    </w:pPr>
    <w:sdt>
      <w:sdtPr>
        <w:alias w:val="Side"/>
        <w:tag w:val="{&quot;templafy&quot;:{&quot;id&quot;:&quot;debc219b-0399-4064-9d7f-56cf59743123&quot;}}"/>
        <w:id w:val="1259793173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dad6b2e4-d34f-444d-83eb-5ae951a3146e&quot;}}"/>
        <w:id w:val="-346867783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>
        <w:rPr>
          <w:noProof/>
        </w:rPr>
        <w:t>3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f7db2056-9ecd-4c93-98ee-5392f4d435e2&quot;}}"/>
            <w:id w:val="166686754"/>
            <w:placeholder>
              <w:docPart w:val="DefaultPlaceholder_-1854013440"/>
            </w:placeholder>
          </w:sdtPr>
          <w:sdtEndPr/>
          <w:sdtContent>
            <w:p w:rsidR="009318EB" w:rsidRDefault="00941BC9">
              <w:pPr>
                <w:pStyle w:val="Template-Afdeling"/>
              </w:pPr>
              <w:r>
                <w:t>anmarks Tekniske Universitet</w:t>
              </w:r>
            </w:p>
          </w:sdtContent>
        </w:sdt>
        <w:sdt>
          <w:sdtPr>
            <w:alias w:val="Name"/>
            <w:tag w:val="{&quot;templafy&quot;:{&quot;id&quot;:&quot;db39c455-58d6-4bc3-9181-c5be2ede2ae9&quot;}}"/>
            <w:id w:val="578105298"/>
            <w:placeholder>
              <w:docPart w:val="DefaultPlaceholder_-1854013440"/>
            </w:placeholder>
          </w:sdtPr>
          <w:sdtEndPr/>
          <w:sdtContent>
            <w:p w:rsidR="009318EB" w:rsidRDefault="00941BC9">
              <w:pPr>
                <w:pStyle w:val="Template-AdresseVenstrestillet"/>
              </w:pPr>
              <w:r>
                <w:t>DTU Campus Servic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c0f0fb9a-2f11-4c35-9497-ceeff3774d6f&quot;}}"/>
            <w:id w:val="-289515336"/>
            <w:placeholder>
              <w:docPart w:val="DefaultPlaceholder_-1854013440"/>
            </w:placeholder>
          </w:sdtPr>
          <w:sdtEndPr/>
          <w:sdtContent>
            <w:p w:rsidR="009318EB" w:rsidRDefault="00941BC9">
              <w:pPr>
                <w:pStyle w:val="Template-AdresseVenstrestillet"/>
              </w:pPr>
              <w:r>
                <w:t>Energivej</w:t>
              </w:r>
            </w:p>
          </w:sdtContent>
        </w:sdt>
        <w:sdt>
          <w:sdtPr>
            <w:alias w:val="Department"/>
            <w:tag w:val="{&quot;templafy&quot;:{&quot;id&quot;:&quot;5f716048-2588-4071-a966-220f876a0fad&quot;}}"/>
            <w:id w:val="-350796248"/>
            <w:placeholder>
              <w:docPart w:val="DefaultPlaceholder_-1854013440"/>
            </w:placeholder>
          </w:sdtPr>
          <w:sdtEndPr/>
          <w:sdtContent>
            <w:p w:rsidR="009318EB" w:rsidRDefault="00941BC9">
              <w:pPr>
                <w:pStyle w:val="Template-AdresseVenstrestillet"/>
              </w:pPr>
              <w:r>
                <w:t>Bygning 409</w:t>
              </w:r>
            </w:p>
          </w:sdtContent>
        </w:sdt>
        <w:sdt>
          <w:sdtPr>
            <w:alias w:val="City"/>
            <w:tag w:val="{&quot;templafy&quot;:{&quot;id&quot;:&quot;703d5b32-1a98-4ca0-bf12-8680da871d49&quot;}}"/>
            <w:id w:val="-1153748230"/>
            <w:placeholder>
              <w:docPart w:val="DefaultPlaceholder_-1854013440"/>
            </w:placeholder>
          </w:sdtPr>
          <w:sdtEndPr/>
          <w:sdtContent>
            <w:p w:rsidR="009318EB" w:rsidRDefault="00941BC9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f79b7b8f-d757-4107-8506-c7fdb46930f5&quot;}}"/>
            <w:id w:val="72708104"/>
            <w:placeholder>
              <w:docPart w:val="DefaultPlaceholder_-1854013440"/>
            </w:placeholder>
          </w:sdtPr>
          <w:sdtEndPr/>
          <w:sdtContent>
            <w:p w:rsidR="0026019D" w:rsidRPr="004B550F" w:rsidRDefault="00E262D6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bc47f1eb-239b-4757-8636-808f57ac4863&quot;}}"/>
                  <w:id w:val="820470153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.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07defbc5-07e0-44ec-ad27-da4183ff0b3b&quot;}}"/>
                  <w:id w:val="663134163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4264bfc8-8cf3-4a43-8d02-2627ee469f26&quot;}}"/>
                  <w:id w:val="-53133862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3b4b08d0-0c51-41e3-93c5-270b8855fae1&quot;}}"/>
            <w:id w:val="-794523260"/>
            <w:placeholder>
              <w:docPart w:val="DefaultPlaceholder_-1854013440"/>
            </w:placeholder>
          </w:sdtPr>
          <w:sdtEndPr/>
          <w:sdtContent>
            <w:p w:rsidR="009318EB" w:rsidRDefault="00941BC9">
              <w:pPr>
                <w:pStyle w:val="Template-AdresseHjrestillet"/>
              </w:pPr>
              <w:r>
                <w:t>www.dtu.dk</w:t>
              </w:r>
            </w:p>
          </w:sdtContent>
        </w:sdt>
        <w:p w:rsidR="0026019D" w:rsidRPr="0055679E" w:rsidRDefault="0026019D" w:rsidP="0055679E">
          <w:pPr>
            <w:pStyle w:val="Template-AdresseHjrestillet"/>
          </w:pPr>
        </w:p>
      </w:tc>
    </w:tr>
  </w:tbl>
  <w:p w:rsidR="009E4B94" w:rsidRPr="00094ABD" w:rsidRDefault="00191702" w:rsidP="00432D6E">
    <w:pPr>
      <w:pStyle w:val="Sidefod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9E19FF" w:rsidRDefault="00E262D6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e42b02dd-a8a0-4272-9112-51cda6788ac9&quot;}}"/>
                              <w:id w:val="-1032875501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86b47300-4a29-4ce8-be57-8dc0493d12cd&quot;}}"/>
                              <w:id w:val="837895801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FD0C22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e42b02dd-a8a0-4272-9112-51cda6788ac9&quot;}}"/>
                        <w:id w:val="-1032875501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86b47300-4a29-4ce8-be57-8dc0493d12cd&quot;}}"/>
                        <w:id w:val="837895801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860A07" w:rsidRDefault="00860A07" w:rsidP="009E4B94">
      <w:pPr>
        <w:spacing w:line="240" w:lineRule="auto"/>
      </w:pPr>
      <w:r>
        <w:separator/>
      </w:r>
    </w:p>
  </w:footnote>
  <w:footnote w:type="continuationSeparator" w:id="0">
    <w:p w:rsidR="00860A07" w:rsidRDefault="00860A0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C17946" w:rsidRDefault="00C17946" w:rsidP="00C17946">
    <w:pPr>
      <w:ind w:left="-1980" w:firstLine="1980"/>
      <w:rPr>
        <w:b/>
        <w:color w:val="990000" w:themeColor="text2"/>
        <w:sz w:val="36"/>
        <w:szCs w:val="36"/>
      </w:rPr>
    </w:pPr>
    <w:r>
      <w:rPr>
        <w:b/>
        <w:color w:val="990000" w:themeColor="text2"/>
        <w:sz w:val="36"/>
        <w:szCs w:val="36"/>
      </w:rPr>
      <w:t>Pl</w:t>
    </w:r>
    <w:r w:rsidRPr="0094169F">
      <w:rPr>
        <w:b/>
        <w:color w:val="990000" w:themeColor="text2"/>
        <w:sz w:val="36"/>
        <w:szCs w:val="36"/>
      </w:rPr>
      <w:t>acering</w:t>
    </w:r>
    <w:r>
      <w:rPr>
        <w:b/>
        <w:color w:val="990000" w:themeColor="text2"/>
        <w:sz w:val="36"/>
        <w:szCs w:val="36"/>
      </w:rPr>
      <w:t xml:space="preserve"> og rolle</w:t>
    </w:r>
  </w:p>
  <w:p w:rsidR="003163BC" w:rsidRDefault="00C17946" w:rsidP="00E262D6">
    <w:r>
      <w:rPr>
        <w:color w:val="990000" w:themeColor="text2"/>
        <w:sz w:val="36"/>
        <w:szCs w:val="36"/>
      </w:rPr>
      <w:t xml:space="preserve">Bilag, </w:t>
    </w:r>
    <w:r w:rsidRPr="00CB0991">
      <w:rPr>
        <w:color w:val="990000" w:themeColor="text2"/>
        <w:sz w:val="36"/>
        <w:szCs w:val="36"/>
      </w:rPr>
      <w:t>evakueringsøvelse</w:t>
    </w:r>
    <w:r>
      <w:rPr>
        <w:color w:val="990000" w:themeColor="text2"/>
        <w:sz w:val="36"/>
        <w:szCs w:val="36"/>
      </w:rPr>
      <w:t>, d. XX, 20XX, for bygning BXXX</w:t>
    </w:r>
    <w:r>
      <w:rPr>
        <w:color w:val="990000" w:themeColor="text2"/>
        <w:sz w:val="36"/>
        <w:szCs w:val="36"/>
      </w:rPr>
      <w:t xml:space="preserve"> </w:t>
    </w:r>
    <w:r w:rsidRPr="00C17946">
      <w:rPr>
        <w:color w:val="990000" w:themeColor="text2"/>
        <w:sz w:val="36"/>
        <w:szCs w:val="36"/>
        <w:highlight w:val="yellow"/>
      </w:rPr>
      <w:t>(EKSEMPEL)</w:t>
    </w:r>
    <w:r w:rsidR="003163BC">
      <w:rPr>
        <w:noProof/>
        <w:lang w:eastAsia="da-DK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166769679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66769645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C17946" w:rsidRPr="00C17946" w:rsidRDefault="00C17946" w:rsidP="00C17946">
    <w:pPr>
      <w:pStyle w:val="Overskrift1"/>
      <w:rPr>
        <w:color w:val="990000" w:themeColor="accent1"/>
        <w:sz w:val="36"/>
        <w:szCs w:val="36"/>
      </w:rPr>
    </w:pPr>
    <w:r w:rsidRPr="00C17946">
      <w:rPr>
        <w:color w:val="990000" w:themeColor="accent1"/>
        <w:sz w:val="36"/>
        <w:szCs w:val="36"/>
      </w:rPr>
      <w:t>D</w:t>
    </w:r>
    <w:r w:rsidRPr="00C17946">
      <w:rPr>
        <w:color w:val="990000" w:themeColor="accent1"/>
        <w:sz w:val="36"/>
        <w:szCs w:val="36"/>
      </w:rPr>
      <w:t>rejebog</w:t>
    </w:r>
  </w:p>
  <w:p w:rsidR="00C17946" w:rsidRPr="00C17946" w:rsidRDefault="00C17946" w:rsidP="00C17946">
    <w:pPr>
      <w:pStyle w:val="Overskrift1"/>
    </w:pPr>
    <w:r w:rsidRPr="00C17946">
      <w:rPr>
        <w:b w:val="0"/>
        <w:color w:val="990000" w:themeColor="accent1"/>
        <w:sz w:val="36"/>
        <w:szCs w:val="36"/>
      </w:rPr>
      <w:t>E</w:t>
    </w:r>
    <w:r w:rsidRPr="00C17946">
      <w:rPr>
        <w:b w:val="0"/>
        <w:color w:val="990000" w:themeColor="accent1"/>
        <w:sz w:val="36"/>
        <w:szCs w:val="36"/>
      </w:rPr>
      <w:t>vakueringsøvelse, d. XX, 20XX, for bygning BXXX</w:t>
    </w:r>
    <w:r>
      <w:rPr>
        <w:b w:val="0"/>
        <w:color w:val="990000" w:themeColor="accent1"/>
        <w:sz w:val="36"/>
        <w:szCs w:val="36"/>
      </w:rPr>
      <w:t xml:space="preserve"> </w:t>
    </w:r>
    <w:r w:rsidRPr="00C17946">
      <w:rPr>
        <w:b w:val="0"/>
        <w:color w:val="990000" w:themeColor="accent1"/>
        <w:sz w:val="36"/>
        <w:szCs w:val="36"/>
        <w:highlight w:val="yellow"/>
      </w:rPr>
      <w:t>(EKSEMPEL</w:t>
    </w:r>
    <w:r w:rsidRPr="00C17946">
      <w:rPr>
        <w:b w:val="0"/>
        <w:color w:val="990000" w:themeColor="accent1"/>
        <w:sz w:val="36"/>
        <w:szCs w:val="36"/>
        <w:highlight w:val="yellow"/>
      </w:rPr>
      <w:t>)</w:t>
    </w:r>
    <w:r w:rsidR="008F4D20" w:rsidRPr="00C17946">
      <w:rPr>
        <w:b w:val="0"/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166769680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67254845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E337870"/>
    <w:multiLevelType w:val="hybridMultilevel"/>
    <w:tmpl w:val="3A949C64"/>
    <w:lvl w:ilvl="0" w:tplc="EB4664A2">
      <w:numFmt w:val="bullet"/>
      <w:lvlText w:val=""/>
      <w:lvlJc w:val="left"/>
      <w:pPr>
        <w:ind w:left="720" w:hanging="360"/>
      </w:pPr>
      <w:rPr>
        <w:rFonts w:ascii="Symbol" w:eastAsiaTheme="minorHAnsi" w:hAnsi="Symbol" w:cs="Verdan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8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73155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1E6F50"/>
    <w:rsid w:val="00224CD2"/>
    <w:rsid w:val="00241983"/>
    <w:rsid w:val="00244D70"/>
    <w:rsid w:val="0026019D"/>
    <w:rsid w:val="002629BD"/>
    <w:rsid w:val="00270077"/>
    <w:rsid w:val="00273CAC"/>
    <w:rsid w:val="0027658C"/>
    <w:rsid w:val="002A41CF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2328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24062"/>
    <w:rsid w:val="00543EF2"/>
    <w:rsid w:val="0055679E"/>
    <w:rsid w:val="00561C72"/>
    <w:rsid w:val="00574581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6D1F5B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0A07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318EB"/>
    <w:rsid w:val="00941BC9"/>
    <w:rsid w:val="0094270E"/>
    <w:rsid w:val="009443BE"/>
    <w:rsid w:val="0094757D"/>
    <w:rsid w:val="00951B25"/>
    <w:rsid w:val="009737E4"/>
    <w:rsid w:val="0097654B"/>
    <w:rsid w:val="00983B74"/>
    <w:rsid w:val="00987EF9"/>
    <w:rsid w:val="00990094"/>
    <w:rsid w:val="00990263"/>
    <w:rsid w:val="009A4CCC"/>
    <w:rsid w:val="009B6B4E"/>
    <w:rsid w:val="009C0BF2"/>
    <w:rsid w:val="009C50EC"/>
    <w:rsid w:val="009D1E80"/>
    <w:rsid w:val="009E19FF"/>
    <w:rsid w:val="009E4B94"/>
    <w:rsid w:val="00A35772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52735"/>
    <w:rsid w:val="00B62F42"/>
    <w:rsid w:val="00B94904"/>
    <w:rsid w:val="00BB4255"/>
    <w:rsid w:val="00BE4451"/>
    <w:rsid w:val="00C12117"/>
    <w:rsid w:val="00C14AA8"/>
    <w:rsid w:val="00C17946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CF4037"/>
    <w:rsid w:val="00D109FE"/>
    <w:rsid w:val="00D23124"/>
    <w:rsid w:val="00D27CE6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13987"/>
    <w:rsid w:val="00E262D6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710A5"/>
    <w:rsid w:val="00F73354"/>
    <w:rsid w:val="00F83307"/>
    <w:rsid w:val="00F94020"/>
    <w:rsid w:val="00FA545C"/>
    <w:rsid w:val="00FB6E2D"/>
    <w:rsid w:val="00FB793D"/>
    <w:rsid w:val="00FD0C22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81"/>
    <o:shapelayout v:ext="edit">
      <o:idmap v:ext="edit" data="1"/>
    </o:shapelayout>
  </w:shapeDefaults>
  <w:decimalSymbol w:val="."/>
  <w:listSeparator w:val=","/>
  <w14:docId w14:val="6357CFF7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paragraph" w:styleId="Listeafsnit">
    <w:name w:val="List Paragraph"/>
    <w:basedOn w:val="Normal"/>
    <w:uiPriority w:val="99"/>
    <w:semiHidden/>
    <w:rsid w:val="004A2328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43D6F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Sidetal">
    <w:name w:val="page number"/>
    <w:basedOn w:val="Standardskrifttypeiafsni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autoSelectFirstOption":false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0Wua1BuYwgt9CBVZiZSObQ=="},{"name":"Classification","value":"Agn9CllElNW+sJ05MufjwQ=="}]}]]></TemplafyFormConfiguration>
</file>

<file path=customXml/item2.xml><?xml version="1.0" encoding="utf-8"?>
<TemplafyTemplateConfiguration><![CDATA[{"elementsMetadata":[{"type":"richTextContentControl","id":"e616ea34-af1c-4aaf-a730-172c60843f91","elementConfiguration":{"binding":"Form.Classification.Displayname_{{DocumentLanguage}}","visibility":{"action":"hide","operator":"equals","compareValue":""},"removeAndKeepContent":false,"disableUpdates":false,"type":"text"}},{"type":"richTextContentControl","id":"354938cf-7a5a-4f19-bc7a-3a5f5b286d89","elementConfiguration":{"binding":"Form.Classification.Displayname_{{DocumentLanguage}}","visibility":{"action":"hide","operator":"equals","compareValue":""},"removeAndKeepContent":false,"disableUpdates":false,"type":"text"}},{"type":"richTextContentControl","id":"f7db2056-9ecd-4c93-98ee-5392f4d435e2","elementConfiguration":{"binding":"UserProfile.Offices.Workarea_{{DocumentLanguage}}","visibility":{"action":"hide","operator":"equals","compareValue":""},"removeAndKeepContent":false,"disableUpdates":false,"type":"text"}},{"type":"richTextContentControl","id":"db39c455-58d6-4bc3-9181-c5be2ede2ae9","elementConfiguration":{"binding":"UserProfile.Offices.Name_{{DocumentLanguage}}","visibility":{"action":"hide","operator":"equals","compareValue":""},"removeAndKeepContent":false,"disableUpdates":false,"type":"text"}},{"type":"richTextContentControl","id":"c0f0fb9a-2f11-4c35-9497-ceeff3774d6f","elementConfiguration":{"binding":"UserProfile.Offices.Address_{{DocumentLanguage}}","visibility":{"action":"hide","operator":"equals","compareValue":""},"removeAndKeepContent":false,"disableUpdates":false,"type":"text"}},{"type":"richTextContentControl","id":"5f716048-2588-4071-a966-220f876a0fad","elementConfiguration":{"binding":"UserProfile.Offices.Department_{{DocumentLanguage}}","visibility":{"action":"hide","operator":"equals","compareValue":""},"removeAndKeepContent":false,"disableUpdates":false,"type":"text"}},{"type":"richTextContentControl","id":"703d5b32-1a98-4ca0-bf12-8680da871d49","elementConfiguration":{"binding":"UserProfile.Offices.City_{{DocumentLanguage}}","visibility":{"action":"hide","operator":"equals","compareValue":""},"removeAndKeepContent":false,"disableUpdates":false,"type":"text"}},{"type":"richTextContentControl","id":"f79b7b8f-d757-4107-8506-c7fdb46930f5","elementConfiguration":{"visibility":{"action":"hide","binding":"UserProfile.Offices.Phone","operator":"equals","compareValue":""},"disableUpdates":false,"type":"group"}},{"type":"richTextContentControl","id":"bc47f1eb-239b-4757-8636-808f57ac4863","elementConfiguration":{"binding":"Translations.Tlf","removeAndKeepContent":false,"disableUpdates":false,"type":"text"}},{"type":"richTextContentControl","id":"07defbc5-07e0-44ec-ad27-da4183ff0b3b","elementConfiguration":{"binding":"Translations.Plus45","removeAndKeepContent":false,"disableUpdates":false,"type":"text"}},{"type":"richTextContentControl","id":"4264bfc8-8cf3-4a43-8d02-2627ee469f26","elementConfiguration":{"binding":"UserProfile.Offices.Phone","visibility":{"action":"hide","operator":"equals","compareValue":""},"removeAndKeepContent":false,"disableUpdates":false,"type":"text"}},{"type":"richTextContentControl","id":"3b4b08d0-0c51-41e3-93c5-270b8855fae1","elementConfiguration":{"binding":"UserProfile.Offices.Web","visibility":{"action":"hide","operator":"equals","compareValue":""},"removeAndKeepContent":false,"disableUpdates":false,"type":"text"}},{"type":"richTextContentControl","id":"e42b02dd-a8a0-4272-9112-51cda6788ac9","elementConfiguration":{"binding":"Translations.CVR","visibility":{"action":"hide","binding":"UserProfile.Offices.Cvr","operator":"equals","compareValue":""},"removeAndKeepContent":false,"disableUpdates":false,"type":"text"}},{"type":"richTextContentControl","id":"86b47300-4a29-4ce8-be57-8dc0493d12cd","elementConfiguration":{"binding":"UserProfile.Offices.Cvr","visibility":{"action":"hide","operator":"equals","compareValue":""},"removeAndKeepContent":false,"disableUpdates":false,"type":"text"}},{"type":"richTextContentControl","id":"12652b8a-4270-465f-bd90-bc1f4dbd9665","elementConfiguration":{"binding":"Translations.CVR","visibility":{"action":"hide","binding":"UserProfile.Offices.Cvr","operator":"equals","compareValue":""},"removeAndKeepContent":false,"disableUpdates":false,"type":"text"}},{"type":"richTextContentControl","id":"1f9e3b30-2888-4b18-bec3-52d023f42a8c","elementConfiguration":{"binding":"UserProfile.Offices.Cvr","visibility":{"action":"hide","operator":"equals","compareValue":""},"removeAndKeepContent":false,"disableUpdates":false,"type":"text"}},{"type":"richTextContentControl","id":"debc219b-0399-4064-9d7f-56cf59743123","elementConfiguration":{"binding":"Translations.Page","removeAndKeepContent":false,"disableUpdates":false,"type":"text"}},{"type":"richTextContentControl","id":"dad6b2e4-d34f-444d-83eb-5ae951a3146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3</Pages>
  <Words>405</Words>
  <Characters>2474</Characters>
  <Application>Microsoft Office Word</Application>
  <DocSecurity>0</DocSecurity>
  <Lines>20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28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chael Tue Petersen</dc:creator>
  <cp:lastModifiedBy>Michael Tue Petersen</cp:lastModifiedBy>
  <cp:revision>2</cp:revision>
  <dcterms:created xsi:type="dcterms:W3CDTF">2021-10-22T09:54:00Z</dcterms:created>
  <dcterms:modified xsi:type="dcterms:W3CDTF">2021-10-22T09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70822232922944</vt:lpwstr>
  </property>
  <property fmtid="{D5CDD505-2E9C-101B-9397-08002B2CF9AE}" pid="5" name="TemplafyLanguageCode">
    <vt:lpwstr>da-DK</vt:lpwstr>
  </property>
</Properties>
</file>